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persons/person.xml" ContentType="application/vnd.ms-excel.person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7" rupBuild="14420"/>
  <workbookPr/>
  <mc:AlternateContent xmlns:mc="http://schemas.openxmlformats.org/markup-compatibility/2006">
    <mc:Choice Requires="x15">
      <x15ac:absPath xmlns:x15ac="http://schemas.microsoft.com/office/spreadsheetml/2010/11/ac" url="C:\Users\info\Desktop\"/>
    </mc:Choice>
  </mc:AlternateContent>
  <bookViews>
    <workbookView xWindow="0" yWindow="0" windowWidth="23040" windowHeight="9960" tabRatio="874" activeTab="6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B30" i="10" l="1"/>
  <c r="C30" i="10"/>
  <c r="D30" i="10"/>
  <c r="D14" i="10"/>
  <c r="E34" i="11" l="1"/>
  <c r="C34" i="11"/>
  <c r="C40" i="11"/>
  <c r="B40" i="11"/>
  <c r="D39" i="11"/>
  <c r="D38" i="11"/>
  <c r="D37" i="11"/>
  <c r="C13" i="13"/>
  <c r="D13" i="13"/>
  <c r="D40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D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74" uniqueCount="94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VAT</t>
  </si>
  <si>
    <t>Rents</t>
  </si>
  <si>
    <t>Misc Income</t>
  </si>
  <si>
    <t xml:space="preserve">Hub </t>
  </si>
  <si>
    <t>Cemetery</t>
  </si>
  <si>
    <t>Interest</t>
  </si>
  <si>
    <t>VAT claimed for the previous year included a large spend on window for the youth building.</t>
  </si>
  <si>
    <t>Insurance Settlement for bus shelter (£4095), Coronation Event proceeds (3609.51), Neighbourhood Plan grant (£3349)</t>
  </si>
  <si>
    <t>Additional bookings</t>
  </si>
  <si>
    <t>Consistently higher interest rates and higher reserves.</t>
  </si>
  <si>
    <t>Core Expenditure</t>
  </si>
  <si>
    <t>Winterborne Zelston</t>
  </si>
  <si>
    <t>Anderson</t>
  </si>
  <si>
    <t>Winterborne Kingston</t>
  </si>
  <si>
    <t>Neighbourhood Plan</t>
  </si>
  <si>
    <t xml:space="preserve">VAT </t>
  </si>
  <si>
    <t>Grass cutting contract ended and volunteers took over</t>
  </si>
  <si>
    <t>New laptop (£600), higher insurance premium (£258 increase), Community group refund (£401)</t>
  </si>
  <si>
    <t>No</t>
  </si>
  <si>
    <t>Construction of sand store (£2345), playground repairs (£2986) (£1335 in 2022/23), necessary treeworks ( £7035) (£0 in 2022/23) and various improvements to Hub (£5723) (£2560 in 2022/23)</t>
  </si>
  <si>
    <t>VAT claim in 2023/24 is higher due to several large purchases (see below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mc:Ignorable="x14ac">
  <numFmts count="1">
    <numFmt numFmtId="43" formatCode="_-* #,##0.00_-;\-* #,##0.00_-;_-* &quot;-&quot;??_-;_-@_-"/>
  </numFmts>
  <fonts count="21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sz val="10"/>
      <name val="Calibri"/>
      <family val="2"/>
      <scheme val="minor"/>
    </font>
  </fonts>
  <fills count="8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4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20" fillId="0" borderId="0" xfId="0" applyFont="1"/>
    <xf numFmtId="0" fontId="0" fillId="0" borderId="0" xfId="0" applyAlignment="1">
      <alignment wrapText="1"/>
    </xf>
    <xf numFmtId="0" fontId="0" fillId="7" borderId="1" xfId="0" applyFill="1" applyBorder="1" applyAlignment="1">
      <alignment horizontal="right" wrapText="1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3" xfId="0" applyFont="1" applyBorder="1"/>
    <xf numFmtId="0" fontId="7" fillId="0" borderId="2" xfId="0" applyFont="1" applyBorder="1" applyAlignment="1">
      <alignment wrapText="1"/>
    </xf>
    <xf numFmtId="0" fontId="8" fillId="0" borderId="2" xfId="0" applyFont="1" applyBorder="1"/>
    <xf numFmtId="0" fontId="7" fillId="0" borderId="3" xfId="0" applyFont="1" applyBorder="1"/>
    <xf numFmtId="0" fontId="0" fillId="7" borderId="2" xfId="0" applyFill="1" applyBorder="1" applyAlignment="1">
      <alignment wrapText="1"/>
    </xf>
    <xf numFmtId="0" fontId="0" fillId="7" borderId="3" xfId="0" applyFill="1" applyBorder="1" applyAlignment="1">
      <alignment wrapText="1"/>
    </xf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6" Type="http://schemas.microsoft.com/office/2017/10/relationships/person" Target="persons/person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persons/person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J17"/>
  <sheetViews>
    <sheetView workbookViewId="0">
      <selection activeCell="E16" sqref="E16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3">
      <c r="B1" s="26" t="s">
        <v>60</v>
      </c>
    </row>
    <row r="3" spans="2:10" ht="15" customHeight="1" x14ac:dyDescent="0.3">
      <c r="B3" s="81" t="s">
        <v>38</v>
      </c>
      <c r="C3" s="82"/>
      <c r="D3" s="82"/>
      <c r="E3" s="82"/>
      <c r="F3" s="82"/>
      <c r="G3" s="82"/>
      <c r="H3" s="82"/>
      <c r="I3" s="82"/>
    </row>
    <row r="4" spans="2:10" ht="15" customHeight="1" thickBot="1" x14ac:dyDescent="0.35"/>
    <row r="5" spans="2:10" ht="15" customHeight="1" x14ac:dyDescent="0.3">
      <c r="B5" s="27"/>
      <c r="C5" s="80" t="s">
        <v>15</v>
      </c>
      <c r="D5" s="80"/>
      <c r="E5" s="47"/>
      <c r="F5" s="47"/>
      <c r="G5" s="47"/>
      <c r="H5" s="47"/>
      <c r="I5" s="37" t="s">
        <v>16</v>
      </c>
      <c r="J5" s="42" t="s">
        <v>42</v>
      </c>
    </row>
    <row r="6" spans="2:10" ht="28.8" x14ac:dyDescent="0.3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28.8" x14ac:dyDescent="0.3">
      <c r="B7" s="30" t="s">
        <v>17</v>
      </c>
      <c r="C7" s="68">
        <v>71779</v>
      </c>
      <c r="D7" s="68">
        <v>80617</v>
      </c>
      <c r="E7" s="55"/>
      <c r="F7" s="55"/>
      <c r="G7" s="50"/>
      <c r="H7" s="50"/>
      <c r="I7" s="39" t="s">
        <v>36</v>
      </c>
      <c r="J7" s="44"/>
    </row>
    <row r="8" spans="2:10" s="21" customFormat="1" ht="28.8" x14ac:dyDescent="0.3">
      <c r="B8" s="30" t="s">
        <v>18</v>
      </c>
      <c r="C8" s="68">
        <v>39480</v>
      </c>
      <c r="D8" s="68">
        <v>41222</v>
      </c>
      <c r="E8" s="50">
        <f>D8-C8</f>
        <v>1742</v>
      </c>
      <c r="F8" s="49">
        <f>IF(AND(C8=0,D8=0),0,IF(C8=0,1,IF(D8=0,-1,(D8-C8)/C8)))</f>
        <v>4.4123606889564335E-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30" t="s">
        <v>20</v>
      </c>
      <c r="C9" s="68">
        <v>7767</v>
      </c>
      <c r="D9" s="68">
        <v>16465</v>
      </c>
      <c r="E9" s="50">
        <f t="shared" ref="E9:E12" si="0">D9-C9</f>
        <v>8698</v>
      </c>
      <c r="F9" s="49">
        <f t="shared" ref="F9:F12" si="1">IF(AND(C9=0,D9=0),0,IF(C9=0,1,IF(D9=0,-1,(D9-C9)/C9)))</f>
        <v>1.1198661001673749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1" t="s">
        <v>22</v>
      </c>
      <c r="C10" s="68">
        <v>8877</v>
      </c>
      <c r="D10" s="68">
        <v>9066</v>
      </c>
      <c r="E10" s="50">
        <f t="shared" si="0"/>
        <v>189</v>
      </c>
      <c r="F10" s="49">
        <f t="shared" si="1"/>
        <v>2.1290976681311254E-2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1" t="s">
        <v>24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28.8" x14ac:dyDescent="0.3">
      <c r="B12" s="31" t="s">
        <v>26</v>
      </c>
      <c r="C12" s="68">
        <v>29532</v>
      </c>
      <c r="D12" s="68">
        <v>47569</v>
      </c>
      <c r="E12" s="50">
        <f t="shared" si="0"/>
        <v>18037</v>
      </c>
      <c r="F12" s="49">
        <f t="shared" si="1"/>
        <v>0.61076120818095625</v>
      </c>
      <c r="G12" s="34" t="str">
        <f t="shared" si="2"/>
        <v>No</v>
      </c>
      <c r="H12" s="34" t="str">
        <f t="shared" si="3"/>
        <v>Yes</v>
      </c>
      <c r="I12" s="39" t="s">
        <v>27</v>
      </c>
      <c r="J12" s="46" t="str">
        <f t="shared" si="4"/>
        <v>Please explain within the relevant tab</v>
      </c>
    </row>
    <row r="13" spans="2:10" ht="38.25" customHeight="1" thickBot="1" x14ac:dyDescent="0.35">
      <c r="B13" s="32" t="s">
        <v>28</v>
      </c>
      <c r="C13" s="69">
        <f>C7+C8+C9-C10-C11-C12</f>
        <v>80617</v>
      </c>
      <c r="D13" s="69">
        <f>D7+D8+D9-D10-D11-D12</f>
        <v>81669</v>
      </c>
      <c r="E13" s="56"/>
      <c r="F13" s="56"/>
      <c r="G13" s="51"/>
      <c r="H13" s="51"/>
      <c r="I13" s="40" t="s">
        <v>29</v>
      </c>
      <c r="J13" s="46" t="s">
        <v>68</v>
      </c>
    </row>
    <row r="14" spans="2:10" ht="15" thickBot="1" x14ac:dyDescent="0.35">
      <c r="B14" s="23"/>
      <c r="C14" s="52" t="s">
        <v>59</v>
      </c>
      <c r="D14" s="52" t="s">
        <v>59</v>
      </c>
      <c r="E14" s="52"/>
      <c r="F14" s="52"/>
      <c r="G14" s="52"/>
      <c r="H14" s="52"/>
      <c r="I14" s="25"/>
      <c r="J14" s="46"/>
    </row>
    <row r="15" spans="2:10" ht="28.8" x14ac:dyDescent="0.3">
      <c r="B15" s="33" t="s">
        <v>30</v>
      </c>
      <c r="C15" s="70">
        <v>80617</v>
      </c>
      <c r="D15" s="70">
        <v>81670</v>
      </c>
      <c r="E15" s="54"/>
      <c r="F15" s="57"/>
      <c r="G15" s="53"/>
      <c r="H15" s="53"/>
      <c r="I15" s="41" t="s">
        <v>31</v>
      </c>
      <c r="J15" s="45"/>
    </row>
    <row r="16" spans="2:10" ht="28.8" x14ac:dyDescent="0.3">
      <c r="B16" s="31" t="s">
        <v>32</v>
      </c>
      <c r="C16" s="68">
        <v>330607</v>
      </c>
      <c r="D16" s="68">
        <v>330757.33</v>
      </c>
      <c r="E16" s="50">
        <f>D16-C16</f>
        <v>150.3300000000163</v>
      </c>
      <c r="F16" s="49">
        <f t="shared" ref="F16:F17" si="5">IF(AND(C16=0,D16=0),0,IF(C16=0,1,IF(D16=0,-1,(D16-C16)/C16)))</f>
        <v>4.5470906544633447E-4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2" t="s">
        <v>34</v>
      </c>
      <c r="C17" s="71"/>
      <c r="D17" s="71"/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Enter figures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5" orientation="landscape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29"/>
  <sheetViews>
    <sheetView workbookViewId="0">
      <selection activeCell="C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</v>
      </c>
    </row>
    <row r="3" spans="2:6" x14ac:dyDescent="0.3">
      <c r="B3" s="8"/>
    </row>
    <row r="4" spans="2:6" x14ac:dyDescent="0.3">
      <c r="B4" t="s">
        <v>2</v>
      </c>
      <c r="C4" s="36">
        <f>'Accounting Statement'!C8</f>
        <v>39480</v>
      </c>
      <c r="D4" t="s">
        <v>61</v>
      </c>
      <c r="E4" s="36">
        <f>'Accounting Statement'!D8</f>
        <v>41222</v>
      </c>
    </row>
    <row r="6" spans="2:6" x14ac:dyDescent="0.3">
      <c r="D6" t="s">
        <v>5</v>
      </c>
      <c r="E6" s="1">
        <f>E4-C4</f>
        <v>1742</v>
      </c>
    </row>
    <row r="7" spans="2:6" x14ac:dyDescent="0.3">
      <c r="D7" t="s">
        <v>39</v>
      </c>
      <c r="E7" s="6">
        <f>IF(AND(C4=0,E4=0),0,IF(C4=0,1,IF(E4=0,-1,(E4-C4)/C4)))</f>
        <v>4.4123606889564335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7</v>
      </c>
    </row>
    <row r="10" spans="2:6" x14ac:dyDescent="0.3">
      <c r="B10" s="8"/>
    </row>
    <row r="11" spans="2:6" s="3" customFormat="1" ht="27.6" x14ac:dyDescent="0.3">
      <c r="B11" s="4" t="s">
        <v>4</v>
      </c>
      <c r="C11" s="4" t="s">
        <v>62</v>
      </c>
      <c r="D11" s="5" t="s">
        <v>5</v>
      </c>
      <c r="E11" s="85" t="s">
        <v>1</v>
      </c>
      <c r="F11" s="86"/>
    </row>
    <row r="12" spans="2:6" s="11" customFormat="1" x14ac:dyDescent="0.3">
      <c r="B12" s="12"/>
      <c r="C12" s="12"/>
      <c r="D12" s="13">
        <f t="shared" ref="D12:D25" si="0">C12-B12</f>
        <v>0</v>
      </c>
      <c r="E12" s="83"/>
      <c r="F12" s="84"/>
    </row>
    <row r="13" spans="2:6" s="11" customFormat="1" x14ac:dyDescent="0.3">
      <c r="B13" s="12"/>
      <c r="C13" s="12"/>
      <c r="D13" s="13">
        <f t="shared" si="0"/>
        <v>0</v>
      </c>
      <c r="E13" s="83"/>
      <c r="F13" s="84"/>
    </row>
    <row r="14" spans="2:6" s="11" customFormat="1" x14ac:dyDescent="0.3">
      <c r="B14" s="12"/>
      <c r="C14" s="12"/>
      <c r="D14" s="13">
        <f t="shared" si="0"/>
        <v>0</v>
      </c>
      <c r="E14" s="83"/>
      <c r="F14" s="84"/>
    </row>
    <row r="15" spans="2:6" s="11" customFormat="1" x14ac:dyDescent="0.3">
      <c r="B15" s="12"/>
      <c r="C15" s="12"/>
      <c r="D15" s="13">
        <f t="shared" si="0"/>
        <v>0</v>
      </c>
      <c r="E15" s="83"/>
      <c r="F15" s="84"/>
    </row>
    <row r="16" spans="2:6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s="11" customFormat="1" x14ac:dyDescent="0.3">
      <c r="B19" s="12"/>
      <c r="C19" s="12"/>
      <c r="D19" s="13">
        <f t="shared" si="0"/>
        <v>0</v>
      </c>
      <c r="E19" s="83"/>
      <c r="F19" s="84"/>
    </row>
    <row r="20" spans="1:8" s="11" customFormat="1" x14ac:dyDescent="0.3">
      <c r="B20" s="12"/>
      <c r="C20" s="12"/>
      <c r="D20" s="13">
        <f t="shared" si="0"/>
        <v>0</v>
      </c>
      <c r="E20" s="83"/>
      <c r="F20" s="84"/>
    </row>
    <row r="21" spans="1:8" s="11" customFormat="1" x14ac:dyDescent="0.3">
      <c r="B21" s="12"/>
      <c r="C21" s="12"/>
      <c r="D21" s="13">
        <f t="shared" si="0"/>
        <v>0</v>
      </c>
      <c r="E21" s="83"/>
      <c r="F21" s="84"/>
    </row>
    <row r="22" spans="1:8" s="11" customFormat="1" x14ac:dyDescent="0.3">
      <c r="B22" s="12"/>
      <c r="C22" s="12"/>
      <c r="D22" s="13">
        <f t="shared" si="0"/>
        <v>0</v>
      </c>
      <c r="E22" s="83"/>
      <c r="F22" s="84"/>
    </row>
    <row r="23" spans="1:8" s="11" customFormat="1" x14ac:dyDescent="0.3">
      <c r="B23" s="12"/>
      <c r="C23" s="12"/>
      <c r="D23" s="13">
        <f t="shared" si="0"/>
        <v>0</v>
      </c>
      <c r="E23" s="83"/>
      <c r="F23" s="84"/>
    </row>
    <row r="24" spans="1:8" s="11" customFormat="1" x14ac:dyDescent="0.3">
      <c r="B24" s="12"/>
      <c r="C24" s="12"/>
      <c r="D24" s="13">
        <f t="shared" si="0"/>
        <v>0</v>
      </c>
      <c r="E24" s="83"/>
      <c r="F24" s="84"/>
    </row>
    <row r="25" spans="1:8" s="11" customFormat="1" x14ac:dyDescent="0.3">
      <c r="B25" s="12"/>
      <c r="C25" s="12"/>
      <c r="D25" s="13">
        <f t="shared" si="0"/>
        <v>0</v>
      </c>
      <c r="E25" s="83"/>
      <c r="F25" s="84"/>
    </row>
    <row r="26" spans="1:8" x14ac:dyDescent="0.3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7"/>
      <c r="F26" s="84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6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3"/>
  <sheetViews>
    <sheetView workbookViewId="0">
      <selection activeCell="E23" sqref="E23:F23"/>
    </sheetView>
  </sheetViews>
  <sheetFormatPr defaultRowHeight="14.4" x14ac:dyDescent="0.3"/>
  <cols>
    <col min="1" max="1" width="13.5546875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2</v>
      </c>
      <c r="C4" s="36">
        <f>'Accounting Statement'!C9</f>
        <v>7767</v>
      </c>
      <c r="D4" t="s">
        <v>61</v>
      </c>
      <c r="E4" s="36">
        <f>'Accounting Statement'!D9</f>
        <v>16465</v>
      </c>
    </row>
    <row r="6" spans="1:7" x14ac:dyDescent="0.3">
      <c r="D6" t="s">
        <v>5</v>
      </c>
      <c r="E6" s="1">
        <f>E4-C4</f>
        <v>8698</v>
      </c>
    </row>
    <row r="7" spans="1:7" x14ac:dyDescent="0.3">
      <c r="D7" t="s">
        <v>39</v>
      </c>
      <c r="E7" s="6">
        <f>IF(AND(C4=0,E4=0),0,IF(C4=0,1,IF(E4=0,-1,(E4-C4)/C4)))</f>
        <v>1.1198661001673749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7</v>
      </c>
    </row>
    <row r="10" spans="1:7" x14ac:dyDescent="0.3">
      <c r="B10" s="76" t="s">
        <v>40</v>
      </c>
    </row>
    <row r="11" spans="1:7" x14ac:dyDescent="0.3">
      <c r="B11" s="76" t="s">
        <v>63</v>
      </c>
    </row>
    <row r="12" spans="1:7" x14ac:dyDescent="0.3">
      <c r="B12" s="76"/>
    </row>
    <row r="13" spans="1:7" x14ac:dyDescent="0.3">
      <c r="B13" s="8"/>
    </row>
    <row r="14" spans="1:7" s="3" customFormat="1" ht="27.6" x14ac:dyDescent="0.3">
      <c r="B14" s="4" t="s">
        <v>4</v>
      </c>
      <c r="C14" s="4" t="s">
        <v>62</v>
      </c>
      <c r="D14" s="5" t="s">
        <v>5</v>
      </c>
      <c r="E14" s="85" t="s">
        <v>1</v>
      </c>
      <c r="F14" s="86"/>
    </row>
    <row r="15" spans="1:7" s="17" customFormat="1" x14ac:dyDescent="0.3">
      <c r="A15" s="77" t="s">
        <v>73</v>
      </c>
      <c r="B15" s="12">
        <v>2355.0100000000002</v>
      </c>
      <c r="C15" s="12">
        <v>978.87</v>
      </c>
      <c r="D15" s="74">
        <f>C15-B15</f>
        <v>-1376.1400000000003</v>
      </c>
      <c r="E15" s="83" t="s">
        <v>79</v>
      </c>
      <c r="F15" s="88"/>
      <c r="G15" s="16"/>
    </row>
    <row r="16" spans="1:7" s="11" customFormat="1" x14ac:dyDescent="0.3">
      <c r="A16" s="11" t="s">
        <v>74</v>
      </c>
      <c r="B16" s="12">
        <v>450</v>
      </c>
      <c r="C16" s="12">
        <v>450</v>
      </c>
      <c r="D16" s="74">
        <f t="shared" ref="D16:D29" si="0">C16-B16</f>
        <v>0</v>
      </c>
      <c r="E16" s="83"/>
      <c r="F16" s="84"/>
    </row>
    <row r="17" spans="1:8" s="11" customFormat="1" ht="46.8" customHeight="1" x14ac:dyDescent="0.3">
      <c r="A17" s="11" t="s">
        <v>75</v>
      </c>
      <c r="B17" s="12">
        <v>2215.1999999999998</v>
      </c>
      <c r="C17" s="12">
        <v>11193.49</v>
      </c>
      <c r="D17" s="74">
        <f t="shared" si="0"/>
        <v>8978.2900000000009</v>
      </c>
      <c r="E17" s="89" t="s">
        <v>80</v>
      </c>
      <c r="F17" s="86"/>
    </row>
    <row r="18" spans="1:8" s="11" customFormat="1" x14ac:dyDescent="0.3">
      <c r="A18" s="11" t="s">
        <v>76</v>
      </c>
      <c r="B18" s="12">
        <v>724</v>
      </c>
      <c r="C18" s="12">
        <v>854.23</v>
      </c>
      <c r="D18" s="74">
        <f t="shared" si="0"/>
        <v>130.23000000000002</v>
      </c>
      <c r="E18" s="83" t="s">
        <v>81</v>
      </c>
      <c r="F18" s="84"/>
    </row>
    <row r="19" spans="1:8" s="11" customFormat="1" x14ac:dyDescent="0.3">
      <c r="A19" s="11" t="s">
        <v>77</v>
      </c>
      <c r="B19" s="12">
        <v>1905.8</v>
      </c>
      <c r="C19" s="12">
        <v>2057</v>
      </c>
      <c r="D19" s="74">
        <f t="shared" si="0"/>
        <v>151.20000000000005</v>
      </c>
      <c r="E19" s="83"/>
      <c r="F19" s="84"/>
    </row>
    <row r="20" spans="1:8" s="11" customFormat="1" x14ac:dyDescent="0.3">
      <c r="A20" s="11" t="s">
        <v>78</v>
      </c>
      <c r="B20" s="12">
        <v>116.57</v>
      </c>
      <c r="C20" s="12">
        <v>931.25</v>
      </c>
      <c r="D20" s="74">
        <f t="shared" si="0"/>
        <v>814.68000000000006</v>
      </c>
      <c r="E20" s="83" t="s">
        <v>82</v>
      </c>
      <c r="F20" s="84"/>
    </row>
    <row r="21" spans="1:8" s="11" customFormat="1" x14ac:dyDescent="0.3">
      <c r="B21" s="12"/>
      <c r="C21" s="12"/>
      <c r="D21" s="74">
        <f t="shared" si="0"/>
        <v>0</v>
      </c>
      <c r="E21" s="83"/>
      <c r="F21" s="84"/>
    </row>
    <row r="22" spans="1:8" s="11" customFormat="1" x14ac:dyDescent="0.3">
      <c r="B22" s="12"/>
      <c r="C22" s="12"/>
      <c r="D22" s="74">
        <f t="shared" si="0"/>
        <v>0</v>
      </c>
      <c r="E22" s="83"/>
      <c r="F22" s="84"/>
    </row>
    <row r="23" spans="1:8" s="11" customFormat="1" x14ac:dyDescent="0.3">
      <c r="B23" s="12"/>
      <c r="C23" s="12"/>
      <c r="D23" s="74">
        <f t="shared" si="0"/>
        <v>0</v>
      </c>
      <c r="E23" s="83"/>
      <c r="F23" s="84"/>
    </row>
    <row r="24" spans="1:8" s="11" customFormat="1" x14ac:dyDescent="0.3">
      <c r="B24" s="12"/>
      <c r="C24" s="12"/>
      <c r="D24" s="74">
        <f t="shared" si="0"/>
        <v>0</v>
      </c>
      <c r="E24" s="83"/>
      <c r="F24" s="84"/>
    </row>
    <row r="25" spans="1:8" s="11" customFormat="1" x14ac:dyDescent="0.3">
      <c r="B25" s="12"/>
      <c r="C25" s="12"/>
      <c r="D25" s="74">
        <f t="shared" si="0"/>
        <v>0</v>
      </c>
      <c r="E25" s="83"/>
      <c r="F25" s="84"/>
    </row>
    <row r="26" spans="1:8" s="11" customFormat="1" x14ac:dyDescent="0.3">
      <c r="B26" s="12"/>
      <c r="C26" s="12"/>
      <c r="D26" s="74">
        <f t="shared" si="0"/>
        <v>0</v>
      </c>
      <c r="E26" s="83"/>
      <c r="F26" s="84"/>
    </row>
    <row r="27" spans="1:8" s="11" customFormat="1" x14ac:dyDescent="0.3">
      <c r="B27" s="12"/>
      <c r="C27" s="12"/>
      <c r="D27" s="74">
        <f t="shared" si="0"/>
        <v>0</v>
      </c>
      <c r="E27" s="83"/>
      <c r="F27" s="84"/>
    </row>
    <row r="28" spans="1:8" s="11" customFormat="1" x14ac:dyDescent="0.3">
      <c r="B28" s="12"/>
      <c r="C28" s="12"/>
      <c r="D28" s="74">
        <f t="shared" si="0"/>
        <v>0</v>
      </c>
      <c r="E28" s="83"/>
      <c r="F28" s="84"/>
    </row>
    <row r="29" spans="1:8" s="11" customFormat="1" x14ac:dyDescent="0.3">
      <c r="B29" s="12"/>
      <c r="C29" s="12"/>
      <c r="D29" s="74">
        <f t="shared" si="0"/>
        <v>0</v>
      </c>
      <c r="E29" s="83"/>
      <c r="F29" s="84"/>
    </row>
    <row r="30" spans="1:8" x14ac:dyDescent="0.3">
      <c r="A30" s="9" t="s">
        <v>0</v>
      </c>
      <c r="B30" s="10">
        <f>SUM(B15:B29)</f>
        <v>7766.58</v>
      </c>
      <c r="C30" s="10">
        <f>SUM(C15:C29)</f>
        <v>16464.84</v>
      </c>
      <c r="D30" s="75">
        <f>SUM(D15:D29)</f>
        <v>8698.26</v>
      </c>
      <c r="E30" s="87"/>
      <c r="F30" s="84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6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69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1"/>
  <sheetViews>
    <sheetView workbookViewId="0">
      <selection activeCell="B10" sqref="B10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9</v>
      </c>
    </row>
    <row r="3" spans="1:7" x14ac:dyDescent="0.3">
      <c r="B3" s="8"/>
    </row>
    <row r="4" spans="1:7" x14ac:dyDescent="0.3">
      <c r="B4" t="s">
        <v>2</v>
      </c>
      <c r="C4" s="36">
        <f>'Accounting Statement'!C10</f>
        <v>8877</v>
      </c>
      <c r="D4" t="s">
        <v>61</v>
      </c>
      <c r="E4" s="36">
        <f>'Accounting Statement'!D10</f>
        <v>9066</v>
      </c>
    </row>
    <row r="6" spans="1:7" x14ac:dyDescent="0.3">
      <c r="D6" t="s">
        <v>5</v>
      </c>
      <c r="E6" s="1">
        <f>E4-C4</f>
        <v>189</v>
      </c>
    </row>
    <row r="7" spans="1:7" x14ac:dyDescent="0.3">
      <c r="D7" t="s">
        <v>39</v>
      </c>
      <c r="E7" s="6">
        <f>IF(AND(C4=0,E4=0),0,IF(C4=0,1,IF(E4=0,-1,(E4-C4)/C4)))</f>
        <v>2.1290976681311254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76" t="s">
        <v>72</v>
      </c>
    </row>
    <row r="11" spans="1:7" x14ac:dyDescent="0.3">
      <c r="B11" s="8"/>
    </row>
    <row r="12" spans="1:7" s="3" customFormat="1" ht="27.6" x14ac:dyDescent="0.3">
      <c r="B12" s="4" t="s">
        <v>4</v>
      </c>
      <c r="C12" s="4" t="s">
        <v>62</v>
      </c>
      <c r="D12" s="5" t="s">
        <v>5</v>
      </c>
      <c r="E12" s="85" t="s">
        <v>1</v>
      </c>
      <c r="F12" s="86"/>
    </row>
    <row r="13" spans="1:7" s="17" customFormat="1" x14ac:dyDescent="0.3">
      <c r="A13" s="16"/>
      <c r="B13" s="13"/>
      <c r="C13" s="13"/>
      <c r="D13" s="13">
        <f>C13-B13</f>
        <v>0</v>
      </c>
      <c r="E13" s="90"/>
      <c r="F13" s="88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3"/>
      <c r="F14" s="84"/>
    </row>
    <row r="15" spans="1:7" s="11" customFormat="1" x14ac:dyDescent="0.3">
      <c r="B15" s="12"/>
      <c r="C15" s="12"/>
      <c r="D15" s="13">
        <f t="shared" si="0"/>
        <v>0</v>
      </c>
      <c r="E15" s="83"/>
      <c r="F15" s="84"/>
    </row>
    <row r="16" spans="1:7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s="11" customFormat="1" x14ac:dyDescent="0.3">
      <c r="B19" s="12"/>
      <c r="C19" s="12"/>
      <c r="D19" s="13">
        <f t="shared" si="0"/>
        <v>0</v>
      </c>
      <c r="E19" s="83"/>
      <c r="F19" s="84"/>
    </row>
    <row r="20" spans="1:8" s="11" customFormat="1" x14ac:dyDescent="0.3">
      <c r="B20" s="12"/>
      <c r="C20" s="12"/>
      <c r="D20" s="13">
        <f t="shared" si="0"/>
        <v>0</v>
      </c>
      <c r="E20" s="83"/>
      <c r="F20" s="84"/>
    </row>
    <row r="21" spans="1:8" s="11" customFormat="1" x14ac:dyDescent="0.3">
      <c r="B21" s="12"/>
      <c r="C21" s="12"/>
      <c r="D21" s="13">
        <f t="shared" si="0"/>
        <v>0</v>
      </c>
      <c r="E21" s="83"/>
      <c r="F21" s="84"/>
    </row>
    <row r="22" spans="1:8" s="11" customFormat="1" x14ac:dyDescent="0.3">
      <c r="B22" s="12"/>
      <c r="C22" s="12"/>
      <c r="D22" s="13">
        <f t="shared" si="0"/>
        <v>0</v>
      </c>
      <c r="E22" s="83"/>
      <c r="F22" s="84"/>
    </row>
    <row r="23" spans="1:8" s="11" customFormat="1" x14ac:dyDescent="0.3">
      <c r="B23" s="12"/>
      <c r="C23" s="12"/>
      <c r="D23" s="13">
        <f t="shared" si="0"/>
        <v>0</v>
      </c>
      <c r="E23" s="83"/>
      <c r="F23" s="84"/>
    </row>
    <row r="24" spans="1:8" s="11" customFormat="1" x14ac:dyDescent="0.3">
      <c r="B24" s="12"/>
      <c r="C24" s="12"/>
      <c r="D24" s="13">
        <f t="shared" si="0"/>
        <v>0</v>
      </c>
      <c r="E24" s="83"/>
      <c r="F24" s="84"/>
    </row>
    <row r="25" spans="1:8" s="11" customFormat="1" x14ac:dyDescent="0.3">
      <c r="B25" s="12"/>
      <c r="C25" s="12"/>
      <c r="D25" s="13">
        <f t="shared" si="0"/>
        <v>0</v>
      </c>
      <c r="E25" s="83"/>
      <c r="F25" s="84"/>
    </row>
    <row r="26" spans="1:8" s="11" customFormat="1" x14ac:dyDescent="0.3">
      <c r="B26" s="12"/>
      <c r="C26" s="12"/>
      <c r="D26" s="13">
        <f t="shared" si="0"/>
        <v>0</v>
      </c>
      <c r="E26" s="83"/>
      <c r="F26" s="84"/>
    </row>
    <row r="27" spans="1:8" s="11" customFormat="1" x14ac:dyDescent="0.3">
      <c r="B27" s="12"/>
      <c r="C27" s="12"/>
      <c r="D27" s="13">
        <f t="shared" si="0"/>
        <v>0</v>
      </c>
      <c r="E27" s="83"/>
      <c r="F27" s="84"/>
    </row>
    <row r="28" spans="1:8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7"/>
      <c r="F28" s="84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6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0"/>
  <sheetViews>
    <sheetView workbookViewId="0">
      <selection activeCell="D4" sqref="D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2</v>
      </c>
      <c r="C4" s="36">
        <f>'Accounting Statement'!C11</f>
        <v>0</v>
      </c>
      <c r="D4" t="s">
        <v>61</v>
      </c>
      <c r="E4" s="36">
        <f>'Accounting Statement'!D11</f>
        <v>0</v>
      </c>
    </row>
    <row r="6" spans="1:7" x14ac:dyDescent="0.3">
      <c r="D6" t="s">
        <v>5</v>
      </c>
      <c r="E6" s="1">
        <f>E4-C4</f>
        <v>0</v>
      </c>
    </row>
    <row r="7" spans="1:7" x14ac:dyDescent="0.3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8"/>
    </row>
    <row r="11" spans="1:7" s="3" customFormat="1" ht="27.6" x14ac:dyDescent="0.3">
      <c r="B11" s="4" t="s">
        <v>4</v>
      </c>
      <c r="C11" s="4" t="s">
        <v>62</v>
      </c>
      <c r="D11" s="5" t="s">
        <v>5</v>
      </c>
      <c r="E11" s="85" t="s">
        <v>1</v>
      </c>
      <c r="F11" s="86"/>
    </row>
    <row r="12" spans="1:7" s="17" customFormat="1" x14ac:dyDescent="0.3">
      <c r="A12" s="16"/>
      <c r="B12" s="13"/>
      <c r="C12" s="13"/>
      <c r="D12" s="13">
        <f>C12-B12</f>
        <v>0</v>
      </c>
      <c r="E12" s="90"/>
      <c r="F12" s="8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3"/>
      <c r="F13" s="84"/>
    </row>
    <row r="14" spans="1:7" s="11" customFormat="1" x14ac:dyDescent="0.3">
      <c r="B14" s="12"/>
      <c r="C14" s="12"/>
      <c r="D14" s="13">
        <f t="shared" si="0"/>
        <v>0</v>
      </c>
      <c r="E14" s="83"/>
      <c r="F14" s="84"/>
    </row>
    <row r="15" spans="1:7" s="11" customFormat="1" x14ac:dyDescent="0.3">
      <c r="B15" s="12"/>
      <c r="C15" s="12"/>
      <c r="D15" s="13">
        <f t="shared" si="0"/>
        <v>0</v>
      </c>
      <c r="E15" s="83"/>
      <c r="F15" s="84"/>
    </row>
    <row r="16" spans="1:7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s="11" customFormat="1" x14ac:dyDescent="0.3">
      <c r="B19" s="12"/>
      <c r="C19" s="12"/>
      <c r="D19" s="13">
        <f t="shared" si="0"/>
        <v>0</v>
      </c>
      <c r="E19" s="83"/>
      <c r="F19" s="84"/>
    </row>
    <row r="20" spans="1:8" s="11" customFormat="1" x14ac:dyDescent="0.3">
      <c r="B20" s="12"/>
      <c r="C20" s="12"/>
      <c r="D20" s="13">
        <f t="shared" si="0"/>
        <v>0</v>
      </c>
      <c r="E20" s="83"/>
      <c r="F20" s="84"/>
    </row>
    <row r="21" spans="1:8" s="11" customFormat="1" x14ac:dyDescent="0.3">
      <c r="B21" s="12"/>
      <c r="C21" s="12"/>
      <c r="D21" s="13">
        <f t="shared" si="0"/>
        <v>0</v>
      </c>
      <c r="E21" s="83"/>
      <c r="F21" s="84"/>
    </row>
    <row r="22" spans="1:8" s="11" customFormat="1" x14ac:dyDescent="0.3">
      <c r="B22" s="12"/>
      <c r="C22" s="12"/>
      <c r="D22" s="13">
        <f t="shared" si="0"/>
        <v>0</v>
      </c>
      <c r="E22" s="83"/>
      <c r="F22" s="84"/>
    </row>
    <row r="23" spans="1:8" s="11" customFormat="1" x14ac:dyDescent="0.3">
      <c r="B23" s="12"/>
      <c r="C23" s="12"/>
      <c r="D23" s="13">
        <f t="shared" si="0"/>
        <v>0</v>
      </c>
      <c r="E23" s="83"/>
      <c r="F23" s="84"/>
    </row>
    <row r="24" spans="1:8" s="11" customFormat="1" x14ac:dyDescent="0.3">
      <c r="B24" s="12"/>
      <c r="C24" s="12"/>
      <c r="D24" s="13">
        <f t="shared" si="0"/>
        <v>0</v>
      </c>
      <c r="E24" s="83"/>
      <c r="F24" s="84"/>
    </row>
    <row r="25" spans="1:8" s="11" customFormat="1" x14ac:dyDescent="0.3">
      <c r="B25" s="12"/>
      <c r="C25" s="12"/>
      <c r="D25" s="13">
        <f t="shared" si="0"/>
        <v>0</v>
      </c>
      <c r="E25" s="83"/>
      <c r="F25" s="84"/>
    </row>
    <row r="26" spans="1:8" s="11" customFormat="1" x14ac:dyDescent="0.3">
      <c r="B26" s="12"/>
      <c r="C26" s="12"/>
      <c r="D26" s="13">
        <f t="shared" si="0"/>
        <v>0</v>
      </c>
      <c r="E26" s="83"/>
      <c r="F26" s="84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7"/>
      <c r="F27" s="84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6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33"/>
  <sheetViews>
    <sheetView workbookViewId="0">
      <selection activeCell="G18" sqref="G18"/>
    </sheetView>
  </sheetViews>
  <sheetFormatPr defaultRowHeight="14.4" x14ac:dyDescent="0.3"/>
  <cols>
    <col min="1" max="1" width="28.4414062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11</v>
      </c>
    </row>
    <row r="3" spans="1:8" x14ac:dyDescent="0.3">
      <c r="B3" s="8"/>
    </row>
    <row r="4" spans="1:8" x14ac:dyDescent="0.3">
      <c r="B4" t="s">
        <v>2</v>
      </c>
      <c r="C4" s="36">
        <f>'Accounting Statement'!C12</f>
        <v>29532</v>
      </c>
      <c r="D4" t="s">
        <v>61</v>
      </c>
      <c r="E4" s="36">
        <f>'Accounting Statement'!D12</f>
        <v>47569</v>
      </c>
    </row>
    <row r="6" spans="1:8" x14ac:dyDescent="0.3">
      <c r="D6" t="s">
        <v>5</v>
      </c>
      <c r="E6" s="1">
        <f>E4-C4</f>
        <v>18037</v>
      </c>
    </row>
    <row r="7" spans="1:8" x14ac:dyDescent="0.3">
      <c r="D7" t="s">
        <v>39</v>
      </c>
      <c r="E7" s="6">
        <f>IF(AND(C4=0,E4=0),0,IF(C4=0,1,IF(E4=0,-1,(E4-C4)/C4)))</f>
        <v>0.61076120818095625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7</v>
      </c>
    </row>
    <row r="10" spans="1:8" ht="15" x14ac:dyDescent="0.35">
      <c r="B10" s="18" t="s">
        <v>41</v>
      </c>
    </row>
    <row r="11" spans="1:8" x14ac:dyDescent="0.3">
      <c r="B11" s="76" t="s">
        <v>63</v>
      </c>
    </row>
    <row r="12" spans="1:8" x14ac:dyDescent="0.3">
      <c r="B12" s="8"/>
    </row>
    <row r="13" spans="1:8" s="3" customFormat="1" ht="27.6" x14ac:dyDescent="0.3">
      <c r="B13" s="4" t="s">
        <v>4</v>
      </c>
      <c r="C13" s="4" t="s">
        <v>62</v>
      </c>
      <c r="D13" s="5" t="s">
        <v>5</v>
      </c>
      <c r="E13" s="85" t="s">
        <v>1</v>
      </c>
      <c r="F13" s="86"/>
      <c r="G13" s="85" t="s">
        <v>64</v>
      </c>
      <c r="H13" s="86"/>
    </row>
    <row r="14" spans="1:8" s="3" customFormat="1" x14ac:dyDescent="0.3">
      <c r="A14" s="3" t="s">
        <v>88</v>
      </c>
      <c r="B14" s="79">
        <v>978.87</v>
      </c>
      <c r="C14" s="79">
        <v>3646.84</v>
      </c>
      <c r="D14" s="74">
        <f>C14-B14</f>
        <v>2667.9700000000003</v>
      </c>
      <c r="E14" s="92" t="s">
        <v>93</v>
      </c>
      <c r="F14" s="93"/>
      <c r="G14" s="78" t="s">
        <v>91</v>
      </c>
      <c r="H14" s="78"/>
    </row>
    <row r="15" spans="1:8" s="17" customFormat="1" x14ac:dyDescent="0.3">
      <c r="A15" s="11" t="s">
        <v>83</v>
      </c>
      <c r="B15" s="12">
        <v>3019.37</v>
      </c>
      <c r="C15" s="12">
        <v>4359.12</v>
      </c>
      <c r="D15" s="74">
        <f>C15-B15</f>
        <v>1339.75</v>
      </c>
      <c r="E15" s="11" t="s">
        <v>90</v>
      </c>
      <c r="F15" s="11"/>
      <c r="G15" s="16"/>
    </row>
    <row r="16" spans="1:8" s="11" customFormat="1" x14ac:dyDescent="0.3">
      <c r="A16" s="11" t="s">
        <v>84</v>
      </c>
      <c r="B16" s="12">
        <v>1828.6</v>
      </c>
      <c r="C16" s="12">
        <v>205.97</v>
      </c>
      <c r="D16" s="74">
        <f t="shared" ref="D16:D29" si="0">C16-B16</f>
        <v>-1622.6299999999999</v>
      </c>
      <c r="E16" s="83" t="s">
        <v>89</v>
      </c>
      <c r="F16" s="91"/>
      <c r="G16" s="11" t="s">
        <v>91</v>
      </c>
    </row>
    <row r="17" spans="1:8" s="11" customFormat="1" x14ac:dyDescent="0.3">
      <c r="A17" s="11" t="s">
        <v>85</v>
      </c>
      <c r="B17" s="12">
        <v>0</v>
      </c>
      <c r="C17" s="12">
        <v>0</v>
      </c>
      <c r="D17" s="74">
        <f t="shared" si="0"/>
        <v>0</v>
      </c>
      <c r="E17" s="83"/>
      <c r="F17" s="84"/>
    </row>
    <row r="18" spans="1:8" s="11" customFormat="1" ht="43.8" customHeight="1" x14ac:dyDescent="0.3">
      <c r="A18" s="11" t="s">
        <v>86</v>
      </c>
      <c r="B18" s="12">
        <v>23705.09</v>
      </c>
      <c r="C18" s="12">
        <v>37510.43</v>
      </c>
      <c r="D18" s="74">
        <f t="shared" si="0"/>
        <v>13805.34</v>
      </c>
      <c r="E18" s="89" t="s">
        <v>92</v>
      </c>
      <c r="F18" s="86"/>
    </row>
    <row r="19" spans="1:8" s="11" customFormat="1" x14ac:dyDescent="0.3">
      <c r="A19" s="11" t="s">
        <v>87</v>
      </c>
      <c r="B19" s="12">
        <v>0</v>
      </c>
      <c r="C19" s="12">
        <v>1846.6</v>
      </c>
      <c r="D19" s="74">
        <f t="shared" si="0"/>
        <v>1846.6</v>
      </c>
      <c r="E19" s="83"/>
      <c r="F19" s="84"/>
    </row>
    <row r="20" spans="1:8" s="11" customFormat="1" x14ac:dyDescent="0.3">
      <c r="B20" s="12"/>
      <c r="C20" s="12"/>
      <c r="D20" s="74">
        <f t="shared" si="0"/>
        <v>0</v>
      </c>
      <c r="E20" s="83"/>
      <c r="F20" s="84"/>
    </row>
    <row r="21" spans="1:8" s="11" customFormat="1" x14ac:dyDescent="0.3">
      <c r="B21" s="12"/>
      <c r="C21" s="12"/>
      <c r="D21" s="74">
        <f t="shared" si="0"/>
        <v>0</v>
      </c>
      <c r="E21" s="83"/>
      <c r="F21" s="84"/>
    </row>
    <row r="22" spans="1:8" s="11" customFormat="1" x14ac:dyDescent="0.3">
      <c r="B22" s="12"/>
      <c r="C22" s="12"/>
      <c r="D22" s="74">
        <f t="shared" si="0"/>
        <v>0</v>
      </c>
      <c r="E22" s="83"/>
      <c r="F22" s="84"/>
    </row>
    <row r="23" spans="1:8" s="11" customFormat="1" x14ac:dyDescent="0.3">
      <c r="B23" s="12"/>
      <c r="C23" s="12"/>
      <c r="D23" s="74">
        <f t="shared" si="0"/>
        <v>0</v>
      </c>
      <c r="E23" s="83"/>
      <c r="F23" s="84"/>
    </row>
    <row r="24" spans="1:8" s="11" customFormat="1" x14ac:dyDescent="0.3">
      <c r="B24" s="12"/>
      <c r="C24" s="12"/>
      <c r="D24" s="74">
        <f t="shared" si="0"/>
        <v>0</v>
      </c>
      <c r="E24" s="83"/>
      <c r="F24" s="84"/>
    </row>
    <row r="25" spans="1:8" s="11" customFormat="1" x14ac:dyDescent="0.3">
      <c r="B25" s="12"/>
      <c r="C25" s="12"/>
      <c r="D25" s="74">
        <f t="shared" si="0"/>
        <v>0</v>
      </c>
      <c r="E25" s="83"/>
      <c r="F25" s="84"/>
    </row>
    <row r="26" spans="1:8" s="11" customFormat="1" x14ac:dyDescent="0.3">
      <c r="B26" s="12"/>
      <c r="C26" s="12"/>
      <c r="D26" s="74">
        <f t="shared" si="0"/>
        <v>0</v>
      </c>
      <c r="E26" s="83"/>
      <c r="F26" s="84"/>
    </row>
    <row r="27" spans="1:8" s="11" customFormat="1" x14ac:dyDescent="0.3">
      <c r="B27" s="12"/>
      <c r="C27" s="12"/>
      <c r="D27" s="74">
        <f t="shared" si="0"/>
        <v>0</v>
      </c>
      <c r="E27" s="83"/>
      <c r="F27" s="84"/>
    </row>
    <row r="28" spans="1:8" s="11" customFormat="1" x14ac:dyDescent="0.3">
      <c r="B28" s="12"/>
      <c r="C28" s="12"/>
      <c r="D28" s="74">
        <f t="shared" si="0"/>
        <v>0</v>
      </c>
      <c r="E28" s="83"/>
      <c r="F28" s="84"/>
    </row>
    <row r="29" spans="1:8" s="11" customFormat="1" x14ac:dyDescent="0.3">
      <c r="B29" s="12"/>
      <c r="C29" s="12"/>
      <c r="D29" s="74">
        <f t="shared" si="0"/>
        <v>0</v>
      </c>
      <c r="E29" s="83"/>
      <c r="F29" s="84"/>
    </row>
    <row r="30" spans="1:8" x14ac:dyDescent="0.3">
      <c r="A30" s="9" t="s">
        <v>0</v>
      </c>
      <c r="B30" s="75">
        <f t="shared" ref="B30:C30" si="1">SUM(B14:B29)</f>
        <v>29531.93</v>
      </c>
      <c r="C30" s="75">
        <f t="shared" si="1"/>
        <v>47568.959999999999</v>
      </c>
      <c r="D30" s="75">
        <f>SUM(D14:D29)</f>
        <v>18037.03</v>
      </c>
      <c r="E30" s="87"/>
      <c r="F30" s="84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6</v>
      </c>
    </row>
  </sheetData>
  <mergeCells count="18">
    <mergeCell ref="G13:H13"/>
    <mergeCell ref="E26:F26"/>
    <mergeCell ref="E27:F27"/>
    <mergeCell ref="E28:F28"/>
    <mergeCell ref="E29:F29"/>
    <mergeCell ref="E14:F14"/>
    <mergeCell ref="E30:F30"/>
    <mergeCell ref="E25:F25"/>
    <mergeCell ref="E13:F13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51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B1:G22"/>
  <sheetViews>
    <sheetView tabSelected="1" workbookViewId="0">
      <selection activeCell="J16" sqref="J16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0.44140625" style="59" bestFit="1" customWidth="1"/>
    <col min="5" max="5" width="9.88671875" style="59" customWidth="1"/>
    <col min="6" max="6" width="12.5546875" style="59" customWidth="1"/>
    <col min="7" max="16384" width="9.109375" style="59"/>
  </cols>
  <sheetData>
    <row r="1" spans="2:7" x14ac:dyDescent="0.3">
      <c r="B1" s="64" t="s">
        <v>45</v>
      </c>
    </row>
    <row r="3" spans="2:7" x14ac:dyDescent="0.3">
      <c r="B3" s="60"/>
    </row>
    <row r="4" spans="2:7" x14ac:dyDescent="0.3">
      <c r="B4" s="59" t="s">
        <v>46</v>
      </c>
      <c r="C4" s="65">
        <f>'Accounting Statement'!D13</f>
        <v>81669</v>
      </c>
      <c r="D4" s="59" t="s">
        <v>47</v>
      </c>
      <c r="E4" s="65">
        <f>'Accounting Statement'!D8</f>
        <v>41222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8</v>
      </c>
      <c r="F8" s="60" t="s">
        <v>48</v>
      </c>
      <c r="G8" s="60" t="s">
        <v>48</v>
      </c>
    </row>
    <row r="9" spans="2:7" x14ac:dyDescent="0.3">
      <c r="B9" s="60" t="s">
        <v>49</v>
      </c>
    </row>
    <row r="10" spans="2:7" x14ac:dyDescent="0.3">
      <c r="C10" s="61" t="s">
        <v>50</v>
      </c>
      <c r="E10" s="61">
        <v>62562</v>
      </c>
    </row>
    <row r="11" spans="2:7" x14ac:dyDescent="0.3">
      <c r="C11" s="61" t="s">
        <v>51</v>
      </c>
      <c r="E11" s="61"/>
    </row>
    <row r="12" spans="2:7" x14ac:dyDescent="0.3">
      <c r="C12" s="61" t="s">
        <v>52</v>
      </c>
      <c r="E12" s="61"/>
    </row>
    <row r="13" spans="2:7" x14ac:dyDescent="0.3">
      <c r="C13" s="61" t="s">
        <v>53</v>
      </c>
      <c r="E13" s="61"/>
    </row>
    <row r="14" spans="2:7" x14ac:dyDescent="0.3">
      <c r="C14" s="61" t="s">
        <v>54</v>
      </c>
      <c r="E14" s="61"/>
    </row>
    <row r="15" spans="2:7" x14ac:dyDescent="0.3">
      <c r="C15" s="61" t="s">
        <v>55</v>
      </c>
      <c r="E15" s="61"/>
    </row>
    <row r="16" spans="2:7" x14ac:dyDescent="0.3">
      <c r="C16" s="61" t="s">
        <v>56</v>
      </c>
      <c r="E16" s="61"/>
    </row>
    <row r="17" spans="2:7" x14ac:dyDescent="0.3">
      <c r="F17" s="62">
        <f>SUM(E10:E16)</f>
        <v>62562</v>
      </c>
    </row>
    <row r="19" spans="2:7" x14ac:dyDescent="0.3">
      <c r="B19" s="60" t="s">
        <v>57</v>
      </c>
      <c r="E19" s="61">
        <v>19107</v>
      </c>
    </row>
    <row r="20" spans="2:7" x14ac:dyDescent="0.3">
      <c r="F20" s="62">
        <f>E19</f>
        <v>19107</v>
      </c>
    </row>
    <row r="21" spans="2:7" ht="15" thickBot="1" x14ac:dyDescent="0.35">
      <c r="B21" s="60" t="s">
        <v>58</v>
      </c>
      <c r="G21" s="63">
        <f>F17+F20</f>
        <v>81669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L40"/>
  <sheetViews>
    <sheetView workbookViewId="0">
      <selection activeCell="B33" sqref="B3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2</v>
      </c>
    </row>
    <row r="3" spans="1:8" x14ac:dyDescent="0.3">
      <c r="B3" s="8"/>
    </row>
    <row r="4" spans="1:8" x14ac:dyDescent="0.3">
      <c r="B4" t="s">
        <v>2</v>
      </c>
      <c r="C4" s="36">
        <f>'Accounting Statement'!C16</f>
        <v>330607</v>
      </c>
      <c r="D4" t="s">
        <v>61</v>
      </c>
      <c r="E4" s="36">
        <f>'Accounting Statement'!D16</f>
        <v>330757.33</v>
      </c>
    </row>
    <row r="6" spans="1:8" x14ac:dyDescent="0.3">
      <c r="D6" t="s">
        <v>5</v>
      </c>
      <c r="E6" s="1">
        <f>E4-C4</f>
        <v>150.3300000000163</v>
      </c>
    </row>
    <row r="7" spans="1:8" x14ac:dyDescent="0.3">
      <c r="D7" t="s">
        <v>39</v>
      </c>
      <c r="E7" s="6">
        <f>IF(AND(C4=0,E4=0),0,IF(C4=0,1,IF(E4=0,-1,(E4-C4)/C4)))</f>
        <v>4.5470906544633447E-4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7</v>
      </c>
    </row>
    <row r="10" spans="1:8" ht="15" x14ac:dyDescent="0.35">
      <c r="B10" s="19" t="s">
        <v>13</v>
      </c>
    </row>
    <row r="11" spans="1:8" ht="15" x14ac:dyDescent="0.35">
      <c r="B11" s="18" t="s">
        <v>65</v>
      </c>
    </row>
    <row r="12" spans="1:8" s="3" customFormat="1" ht="26.25" customHeight="1" x14ac:dyDescent="0.3">
      <c r="B12" s="4" t="s">
        <v>4</v>
      </c>
      <c r="C12" s="4" t="s">
        <v>62</v>
      </c>
      <c r="D12" s="5" t="s">
        <v>5</v>
      </c>
      <c r="E12" s="85" t="s">
        <v>1</v>
      </c>
      <c r="F12" s="86"/>
      <c r="G12" s="72" t="s">
        <v>69</v>
      </c>
      <c r="H12" s="73" t="s">
        <v>70</v>
      </c>
    </row>
    <row r="13" spans="1:8" s="17" customFormat="1" x14ac:dyDescent="0.3">
      <c r="A13" s="16"/>
      <c r="B13" s="13"/>
      <c r="C13" s="13"/>
      <c r="D13" s="13">
        <f>C13-B13</f>
        <v>0</v>
      </c>
      <c r="E13" s="90"/>
      <c r="F13" s="88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83"/>
      <c r="F14" s="84"/>
    </row>
    <row r="15" spans="1:8" s="11" customFormat="1" x14ac:dyDescent="0.3">
      <c r="B15" s="12"/>
      <c r="C15" s="12"/>
      <c r="D15" s="13">
        <f t="shared" si="0"/>
        <v>0</v>
      </c>
      <c r="E15" s="83"/>
      <c r="F15" s="84"/>
    </row>
    <row r="16" spans="1:8" s="11" customFormat="1" x14ac:dyDescent="0.3">
      <c r="B16" s="12"/>
      <c r="C16" s="12"/>
      <c r="D16" s="13">
        <f t="shared" si="0"/>
        <v>0</v>
      </c>
      <c r="E16" s="83"/>
      <c r="F16" s="84"/>
    </row>
    <row r="17" spans="1:12" s="11" customFormat="1" x14ac:dyDescent="0.3">
      <c r="B17" s="12"/>
      <c r="C17" s="12"/>
      <c r="D17" s="13">
        <f t="shared" si="0"/>
        <v>0</v>
      </c>
      <c r="E17" s="83"/>
      <c r="F17" s="84"/>
    </row>
    <row r="18" spans="1:12" s="11" customFormat="1" x14ac:dyDescent="0.3">
      <c r="B18" s="12"/>
      <c r="C18" s="12"/>
      <c r="D18" s="13">
        <f t="shared" si="0"/>
        <v>0</v>
      </c>
      <c r="E18" s="83"/>
      <c r="F18" s="84"/>
      <c r="L18" s="20"/>
    </row>
    <row r="19" spans="1:12" s="11" customFormat="1" x14ac:dyDescent="0.3">
      <c r="B19" s="12"/>
      <c r="C19" s="12"/>
      <c r="D19" s="13">
        <f t="shared" si="0"/>
        <v>0</v>
      </c>
      <c r="E19" s="83"/>
      <c r="F19" s="84"/>
    </row>
    <row r="20" spans="1:12" s="11" customFormat="1" x14ac:dyDescent="0.3">
      <c r="B20" s="12"/>
      <c r="C20" s="12"/>
      <c r="D20" s="13">
        <f t="shared" si="0"/>
        <v>0</v>
      </c>
      <c r="E20" s="83"/>
      <c r="F20" s="84"/>
    </row>
    <row r="21" spans="1:12" s="11" customFormat="1" x14ac:dyDescent="0.3">
      <c r="B21" s="12"/>
      <c r="C21" s="12"/>
      <c r="D21" s="13">
        <f t="shared" si="0"/>
        <v>0</v>
      </c>
      <c r="E21" s="83"/>
      <c r="F21" s="84"/>
    </row>
    <row r="22" spans="1:12" s="11" customFormat="1" x14ac:dyDescent="0.3">
      <c r="B22" s="12"/>
      <c r="C22" s="12"/>
      <c r="D22" s="13">
        <f t="shared" si="0"/>
        <v>0</v>
      </c>
      <c r="E22" s="83"/>
      <c r="F22" s="84"/>
    </row>
    <row r="23" spans="1:12" s="11" customFormat="1" x14ac:dyDescent="0.3">
      <c r="B23" s="12"/>
      <c r="C23" s="12"/>
      <c r="D23" s="13">
        <f t="shared" si="0"/>
        <v>0</v>
      </c>
      <c r="E23" s="83"/>
      <c r="F23" s="84"/>
    </row>
    <row r="24" spans="1:12" s="11" customFormat="1" x14ac:dyDescent="0.3">
      <c r="B24" s="12"/>
      <c r="C24" s="12"/>
      <c r="D24" s="13">
        <f t="shared" si="0"/>
        <v>0</v>
      </c>
      <c r="E24" s="83"/>
      <c r="F24" s="84"/>
    </row>
    <row r="25" spans="1:12" s="11" customFormat="1" x14ac:dyDescent="0.3">
      <c r="B25" s="12"/>
      <c r="C25" s="12"/>
      <c r="D25" s="13">
        <f t="shared" si="0"/>
        <v>0</v>
      </c>
      <c r="E25" s="83"/>
      <c r="F25" s="84"/>
    </row>
    <row r="26" spans="1:12" s="11" customFormat="1" x14ac:dyDescent="0.3">
      <c r="B26" s="12"/>
      <c r="C26" s="12"/>
      <c r="D26" s="13">
        <f t="shared" si="0"/>
        <v>0</v>
      </c>
      <c r="E26" s="83"/>
      <c r="F26" s="84"/>
    </row>
    <row r="27" spans="1:12" s="11" customFormat="1" x14ac:dyDescent="0.3">
      <c r="B27" s="12"/>
      <c r="C27" s="12"/>
      <c r="D27" s="13">
        <f t="shared" si="0"/>
        <v>0</v>
      </c>
      <c r="E27" s="83"/>
      <c r="F27" s="84"/>
    </row>
    <row r="28" spans="1:12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7"/>
      <c r="F28" s="84"/>
      <c r="G28" s="7"/>
    </row>
    <row r="29" spans="1:12" x14ac:dyDescent="0.3">
      <c r="H29" s="2"/>
    </row>
    <row r="30" spans="1:12" x14ac:dyDescent="0.3">
      <c r="A30" s="14" t="s">
        <v>6</v>
      </c>
      <c r="F30" s="7"/>
    </row>
    <row r="32" spans="1:12" ht="15" x14ac:dyDescent="0.35">
      <c r="B32" s="18" t="s">
        <v>66</v>
      </c>
    </row>
    <row r="33" spans="1:8" x14ac:dyDescent="0.3">
      <c r="B33" t="s">
        <v>71</v>
      </c>
    </row>
    <row r="34" spans="1:8" x14ac:dyDescent="0.3">
      <c r="B34" t="s">
        <v>2</v>
      </c>
      <c r="C34" s="36">
        <f>'Accounting Statement'!C45</f>
        <v>0</v>
      </c>
      <c r="D34" t="s">
        <v>61</v>
      </c>
      <c r="E34" s="36">
        <f>'Accounting Statement'!D45</f>
        <v>0</v>
      </c>
    </row>
    <row r="36" spans="1:8" ht="41.4" x14ac:dyDescent="0.3">
      <c r="A36" s="3"/>
      <c r="B36" s="4" t="s">
        <v>4</v>
      </c>
      <c r="C36" s="4" t="s">
        <v>62</v>
      </c>
      <c r="D36" s="5" t="s">
        <v>5</v>
      </c>
      <c r="E36" s="85" t="s">
        <v>1</v>
      </c>
      <c r="F36" s="86"/>
      <c r="G36" s="72" t="s">
        <v>69</v>
      </c>
      <c r="H36" s="73" t="s">
        <v>70</v>
      </c>
    </row>
    <row r="37" spans="1:8" x14ac:dyDescent="0.3">
      <c r="A37" s="16"/>
      <c r="B37" s="13"/>
      <c r="C37" s="13"/>
      <c r="D37" s="13">
        <f>C37-B37</f>
        <v>0</v>
      </c>
      <c r="E37" s="90"/>
      <c r="F37" s="88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83"/>
      <c r="F38" s="84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83"/>
      <c r="F39" s="84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7"/>
      <c r="F40" s="84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sheetPr>
    <pageSetUpPr fitToPage="1"/>
  </sheetPr>
  <dimension ref="A1:H22"/>
  <sheetViews>
    <sheetView workbookViewId="0">
      <selection activeCell="E16" sqref="E16:F1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2</v>
      </c>
      <c r="C4" s="36">
        <f>'Accounting Statement'!C17</f>
        <v>0</v>
      </c>
      <c r="D4" t="s">
        <v>61</v>
      </c>
      <c r="E4" s="36">
        <f>'Accounting Statement'!D17</f>
        <v>0</v>
      </c>
    </row>
    <row r="6" spans="1:7" x14ac:dyDescent="0.3">
      <c r="D6" t="s">
        <v>5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7</v>
      </c>
    </row>
    <row r="10" spans="1:7" ht="15" x14ac:dyDescent="0.35">
      <c r="B10" s="18" t="s">
        <v>67</v>
      </c>
    </row>
    <row r="11" spans="1:7" s="3" customFormat="1" ht="27.6" x14ac:dyDescent="0.3">
      <c r="B11" s="4" t="s">
        <v>4</v>
      </c>
      <c r="C11" s="4" t="s">
        <v>62</v>
      </c>
      <c r="D11" s="5" t="s">
        <v>5</v>
      </c>
      <c r="E11" s="85" t="s">
        <v>1</v>
      </c>
      <c r="F11" s="86"/>
    </row>
    <row r="12" spans="1:7" s="17" customFormat="1" x14ac:dyDescent="0.3">
      <c r="A12" s="16"/>
      <c r="B12" s="13"/>
      <c r="C12" s="13"/>
      <c r="D12" s="13">
        <f>C12-B12</f>
        <v>0</v>
      </c>
      <c r="E12" s="90"/>
      <c r="F12" s="88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3"/>
      <c r="F13" s="84"/>
    </row>
    <row r="14" spans="1:7" s="11" customFormat="1" x14ac:dyDescent="0.3">
      <c r="B14" s="12"/>
      <c r="C14" s="12"/>
      <c r="D14" s="13">
        <f t="shared" si="0"/>
        <v>0</v>
      </c>
      <c r="E14" s="83"/>
      <c r="F14" s="84"/>
    </row>
    <row r="15" spans="1:7" s="11" customFormat="1" x14ac:dyDescent="0.3">
      <c r="B15" s="12"/>
      <c r="C15" s="12"/>
      <c r="D15" s="13">
        <f t="shared" si="0"/>
        <v>0</v>
      </c>
      <c r="E15" s="83"/>
      <c r="F15" s="84"/>
    </row>
    <row r="16" spans="1:7" s="11" customFormat="1" x14ac:dyDescent="0.3">
      <c r="B16" s="12"/>
      <c r="C16" s="12"/>
      <c r="D16" s="13">
        <f t="shared" si="0"/>
        <v>0</v>
      </c>
      <c r="E16" s="83"/>
      <c r="F16" s="84"/>
    </row>
    <row r="17" spans="1:8" s="11" customFormat="1" x14ac:dyDescent="0.3">
      <c r="B17" s="12"/>
      <c r="C17" s="12"/>
      <c r="D17" s="13">
        <f t="shared" si="0"/>
        <v>0</v>
      </c>
      <c r="E17" s="83"/>
      <c r="F17" s="84"/>
    </row>
    <row r="18" spans="1:8" s="11" customFormat="1" x14ac:dyDescent="0.3">
      <c r="B18" s="12"/>
      <c r="C18" s="12"/>
      <c r="D18" s="13">
        <f t="shared" si="0"/>
        <v>0</v>
      </c>
      <c r="E18" s="83"/>
      <c r="F18" s="84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7"/>
      <c r="F19" s="84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5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info</cp:lastModifiedBy>
  <cp:lastPrinted>2024-04-30T14:48:22Z</cp:lastPrinted>
  <dcterms:created xsi:type="dcterms:W3CDTF">2023-03-10T09:35:56Z</dcterms:created>
  <dcterms:modified xsi:type="dcterms:W3CDTF">2024-06-24T17:01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